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6528161\Desktop\Documentos Jeudy Murillo 2020\Charlas de Salud Financiera\Plantillas de Presupuesto\"/>
    </mc:Choice>
  </mc:AlternateContent>
  <bookViews>
    <workbookView xWindow="360" yWindow="110" windowWidth="16530" windowHeight="9440"/>
  </bookViews>
  <sheets>
    <sheet name="EJEMPLO P. PRESUPUESTO" sheetId="1" r:id="rId1"/>
    <sheet name="Plantilla 1" sheetId="2" r:id="rId2"/>
    <sheet name="EJEMPLO C. DEUDAS" sheetId="3" r:id="rId3"/>
    <sheet name="Planilla 2" sheetId="4" r:id="rId4"/>
  </sheets>
  <calcPr calcId="162913"/>
</workbook>
</file>

<file path=xl/calcChain.xml><?xml version="1.0" encoding="utf-8"?>
<calcChain xmlns="http://schemas.openxmlformats.org/spreadsheetml/2006/main">
  <c r="E11" i="4" l="1"/>
  <c r="D11" i="4"/>
  <c r="C11" i="4"/>
  <c r="A11" i="4"/>
  <c r="E40" i="2" l="1"/>
  <c r="B24" i="2"/>
  <c r="B8" i="2"/>
  <c r="B11" i="2" l="1"/>
  <c r="B49" i="2" l="1"/>
  <c r="B43" i="2"/>
  <c r="B37" i="2"/>
  <c r="E34" i="2"/>
  <c r="E23" i="2"/>
  <c r="E12" i="2"/>
  <c r="E47" i="2"/>
  <c r="E9" i="1"/>
  <c r="E20" i="1"/>
  <c r="E31" i="1"/>
  <c r="E37" i="1"/>
  <c r="B34" i="1"/>
  <c r="B40" i="1"/>
  <c r="B46" i="1"/>
  <c r="B21" i="1"/>
  <c r="B5" i="1"/>
  <c r="B8" i="1" s="1"/>
  <c r="E44" i="1" s="1"/>
  <c r="E44" i="2" l="1"/>
  <c r="E48" i="2" s="1"/>
  <c r="E49" i="2" s="1"/>
  <c r="E41" i="1"/>
  <c r="E45" i="1" s="1"/>
  <c r="E46" i="1" s="1"/>
</calcChain>
</file>

<file path=xl/sharedStrings.xml><?xml version="1.0" encoding="utf-8"?>
<sst xmlns="http://schemas.openxmlformats.org/spreadsheetml/2006/main" count="164" uniqueCount="89">
  <si>
    <t>Analisis Presupuestario</t>
  </si>
  <si>
    <t xml:space="preserve">Ingresos y Gastos Mensuales </t>
  </si>
  <si>
    <t>Ingreso Neto -1 (salario)</t>
  </si>
  <si>
    <t>Ingreso Neto -2 (negocio)</t>
  </si>
  <si>
    <t>Total de ingreso neto</t>
  </si>
  <si>
    <t>(menos)</t>
  </si>
  <si>
    <t>Diezmos / ofrendas</t>
  </si>
  <si>
    <t>Ingreso neto Disponible</t>
  </si>
  <si>
    <t>1.  Vivienda</t>
  </si>
  <si>
    <t>Hipoteca (Alquiler)</t>
  </si>
  <si>
    <t>Seguro de la casa</t>
  </si>
  <si>
    <t>Impuestos</t>
  </si>
  <si>
    <t>Electricidad</t>
  </si>
  <si>
    <t>Gas</t>
  </si>
  <si>
    <t>Agua</t>
  </si>
  <si>
    <t>Salubridad</t>
  </si>
  <si>
    <t>Teléfono</t>
  </si>
  <si>
    <t>Mantenimiento</t>
  </si>
  <si>
    <t>Otros Gastos</t>
  </si>
  <si>
    <t>Total de vivienda</t>
  </si>
  <si>
    <t>2. Comida (total mensual)</t>
  </si>
  <si>
    <t>3.  Transporte</t>
  </si>
  <si>
    <t>Gastos de autobús / Tren</t>
  </si>
  <si>
    <t>Pago del auto - 1</t>
  </si>
  <si>
    <t>Pago del auto - 2</t>
  </si>
  <si>
    <t>Gasolina y cambio de aceite</t>
  </si>
  <si>
    <t>Seguro de auto (s)</t>
  </si>
  <si>
    <t>Licencia, Placas o impuestos</t>
  </si>
  <si>
    <t>Reparaciones / Reposición</t>
  </si>
  <si>
    <t>Total de Transporte</t>
  </si>
  <si>
    <t>4.  Otros Seguros</t>
  </si>
  <si>
    <t>Seguro de vida</t>
  </si>
  <si>
    <t>Seguro Médico</t>
  </si>
  <si>
    <t>Otros</t>
  </si>
  <si>
    <t>Total de Otros Seguros</t>
  </si>
  <si>
    <t>5.  Deudas (pagos mensuales)</t>
  </si>
  <si>
    <t>Tarjetas de Crédito</t>
  </si>
  <si>
    <t>Préstamos y pagaré</t>
  </si>
  <si>
    <t>Otros Deudas</t>
  </si>
  <si>
    <t>Total de pagos de deudas</t>
  </si>
  <si>
    <t>6. Entretenimiento y Recreación</t>
  </si>
  <si>
    <t>Comidas fuera de la casa</t>
  </si>
  <si>
    <t>Cuidado de los niños</t>
  </si>
  <si>
    <t>Paseos y Excursiones</t>
  </si>
  <si>
    <t>Vacaciones</t>
  </si>
  <si>
    <t>Otros gastos</t>
  </si>
  <si>
    <t>Total Entretenimiento y Recre.</t>
  </si>
  <si>
    <t>7. Ropa (promedio mensual)</t>
  </si>
  <si>
    <t>8.  Ahorros mensuales</t>
  </si>
  <si>
    <t>9.  Gastos Médicos</t>
  </si>
  <si>
    <t>Doctor</t>
  </si>
  <si>
    <t>Dentista</t>
  </si>
  <si>
    <t>Medicinas</t>
  </si>
  <si>
    <t xml:space="preserve">Otros  </t>
  </si>
  <si>
    <t>Total Gastos Médicos</t>
  </si>
  <si>
    <t>10.  Gastos Varios</t>
  </si>
  <si>
    <t>Perfumes y cosméticos</t>
  </si>
  <si>
    <t>Salón de belleza y barbero</t>
  </si>
  <si>
    <t>Lavandería y planchado</t>
  </si>
  <si>
    <t>Gastos varios y almuerzos</t>
  </si>
  <si>
    <t>Suscripción de revistas, periódicos</t>
  </si>
  <si>
    <t>Regalos (Incluyendo Navidad)</t>
  </si>
  <si>
    <t>Gastos en dinero efectivo</t>
  </si>
  <si>
    <t xml:space="preserve">Otros Gastos </t>
  </si>
  <si>
    <t>Total de Gastos Varios</t>
  </si>
  <si>
    <t>11.  Escuela / Cuidado de niños</t>
  </si>
  <si>
    <t>Matrícula</t>
  </si>
  <si>
    <t>Materiales didácticos</t>
  </si>
  <si>
    <t>Transportación</t>
  </si>
  <si>
    <t>Total de Escuela / Cuidado de niños</t>
  </si>
  <si>
    <t>12. Inversiones</t>
  </si>
  <si>
    <t>Total de Gastos (sume todos los totales)</t>
  </si>
  <si>
    <t>INGRESOS vs. GASTOS</t>
  </si>
  <si>
    <t>Ingreso Neto Disponible</t>
  </si>
  <si>
    <t>15.  Déficit (faltante) o Excedente</t>
  </si>
  <si>
    <r>
      <t xml:space="preserve">Menos </t>
    </r>
    <r>
      <rPr>
        <b/>
        <sz val="12"/>
        <color theme="1"/>
        <rFont val="Calibri"/>
        <family val="2"/>
        <scheme val="minor"/>
      </rPr>
      <t>Gastos</t>
    </r>
  </si>
  <si>
    <t xml:space="preserve"> </t>
  </si>
  <si>
    <t>Ingreso Neto -2 (salario)</t>
  </si>
  <si>
    <t>Ingreso Neto -3 (negocio)</t>
  </si>
  <si>
    <t xml:space="preserve">15.  Excedente o  Déficit (faltante) </t>
  </si>
  <si>
    <t>Total de Gastos (sume  los totales)</t>
  </si>
  <si>
    <t xml:space="preserve">                                              Mes _____________</t>
  </si>
  <si>
    <t>Saldo Inicial</t>
  </si>
  <si>
    <t>Saldo</t>
  </si>
  <si>
    <t>Cuota</t>
  </si>
  <si>
    <t>Principal</t>
  </si>
  <si>
    <t>Intereses</t>
  </si>
  <si>
    <t>Tasa</t>
  </si>
  <si>
    <t>Venc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3" formatCode="_(* #,##0.00_);_(* \(#,##0.00\);_(* &quot;-&quot;??_);_(@_)"/>
    <numFmt numFmtId="164" formatCode="_(* #,##0_);_(* \(#,##0\);_(* &quot;-&quot;??_);_(@_)"/>
    <numFmt numFmtId="165" formatCode="_([$₡-140A]* #,##0.00_);_([$₡-140A]* \(#,##0.00\);_([$₡-140A]* &quot;-&quot;??_);_(@_)"/>
  </numFmts>
  <fonts count="11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sz val="24"/>
      <color theme="1"/>
      <name val="Calibri"/>
      <family val="2"/>
      <scheme val="minor"/>
    </font>
    <font>
      <b/>
      <sz val="12"/>
      <name val="Calibri"/>
      <family val="2"/>
      <scheme val="minor"/>
    </font>
    <font>
      <b/>
      <sz val="16"/>
      <color theme="1"/>
      <name val="Calibri"/>
      <family val="2"/>
      <scheme val="minor"/>
    </font>
    <font>
      <sz val="14"/>
      <color theme="1"/>
      <name val="Calibri"/>
      <family val="2"/>
      <scheme val="minor"/>
    </font>
    <font>
      <sz val="18"/>
      <color theme="0"/>
      <name val="Calibri"/>
      <family val="2"/>
      <scheme val="minor"/>
    </font>
    <font>
      <sz val="24"/>
      <color theme="0"/>
      <name val="Calibri"/>
      <family val="2"/>
      <scheme val="minor"/>
    </font>
    <font>
      <b/>
      <sz val="12"/>
      <color theme="0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rgb="FF00206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0000"/>
        <bgColor indexed="64"/>
      </patternFill>
    </fill>
  </fills>
  <borders count="6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2">
    <xf numFmtId="0" fontId="0" fillId="0" borderId="0"/>
    <xf numFmtId="43" fontId="1" fillId="0" borderId="0" applyFont="0" applyFill="0" applyBorder="0" applyAlignment="0" applyProtection="0"/>
  </cellStyleXfs>
  <cellXfs count="33">
    <xf numFmtId="0" fontId="0" fillId="0" borderId="0" xfId="0"/>
    <xf numFmtId="0" fontId="2" fillId="0" borderId="0" xfId="0" applyFont="1"/>
    <xf numFmtId="164" fontId="2" fillId="0" borderId="0" xfId="1" applyNumberFormat="1" applyFont="1"/>
    <xf numFmtId="0" fontId="3" fillId="0" borderId="0" xfId="0" applyFont="1"/>
    <xf numFmtId="164" fontId="3" fillId="0" borderId="0" xfId="1" applyNumberFormat="1" applyFont="1"/>
    <xf numFmtId="164" fontId="3" fillId="0" borderId="1" xfId="1" applyNumberFormat="1" applyFont="1" applyBorder="1"/>
    <xf numFmtId="0" fontId="2" fillId="0" borderId="2" xfId="0" applyFont="1" applyBorder="1"/>
    <xf numFmtId="164" fontId="2" fillId="0" borderId="2" xfId="1" applyNumberFormat="1" applyFont="1" applyBorder="1"/>
    <xf numFmtId="164" fontId="3" fillId="0" borderId="0" xfId="1" applyNumberFormat="1" applyFont="1" applyBorder="1"/>
    <xf numFmtId="164" fontId="2" fillId="0" borderId="0" xfId="1" applyNumberFormat="1" applyFont="1" applyBorder="1"/>
    <xf numFmtId="0" fontId="5" fillId="0" borderId="0" xfId="0" applyFont="1"/>
    <xf numFmtId="0" fontId="4" fillId="0" borderId="0" xfId="0" applyFont="1" applyAlignment="1">
      <alignment horizontal="center"/>
    </xf>
    <xf numFmtId="0" fontId="4" fillId="0" borderId="0" xfId="0" applyFont="1"/>
    <xf numFmtId="164" fontId="3" fillId="0" borderId="3" xfId="1" applyNumberFormat="1" applyFont="1" applyBorder="1"/>
    <xf numFmtId="164" fontId="3" fillId="0" borderId="4" xfId="1" applyNumberFormat="1" applyFont="1" applyBorder="1"/>
    <xf numFmtId="164" fontId="2" fillId="0" borderId="3" xfId="1" applyNumberFormat="1" applyFont="1" applyBorder="1"/>
    <xf numFmtId="164" fontId="2" fillId="0" borderId="5" xfId="1" applyNumberFormat="1" applyFont="1" applyBorder="1"/>
    <xf numFmtId="0" fontId="6" fillId="0" borderId="0" xfId="0" applyFont="1"/>
    <xf numFmtId="0" fontId="7" fillId="0" borderId="0" xfId="0" applyFont="1" applyAlignment="1">
      <alignment horizontal="center"/>
    </xf>
    <xf numFmtId="0" fontId="7" fillId="3" borderId="3" xfId="0" applyFont="1" applyFill="1" applyBorder="1" applyAlignment="1">
      <alignment horizontal="center" vertical="center"/>
    </xf>
    <xf numFmtId="165" fontId="2" fillId="0" borderId="3" xfId="0" applyNumberFormat="1" applyFont="1" applyBorder="1" applyAlignment="1">
      <alignment horizontal="center" vertical="center"/>
    </xf>
    <xf numFmtId="9" fontId="2" fillId="0" borderId="3" xfId="0" applyNumberFormat="1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165" fontId="2" fillId="3" borderId="3" xfId="0" applyNumberFormat="1" applyFont="1" applyFill="1" applyBorder="1" applyAlignment="1">
      <alignment horizontal="center" vertical="center"/>
    </xf>
    <xf numFmtId="9" fontId="2" fillId="3" borderId="3" xfId="0" applyNumberFormat="1" applyFont="1" applyFill="1" applyBorder="1" applyAlignment="1">
      <alignment horizontal="center" vertical="center"/>
    </xf>
    <xf numFmtId="0" fontId="2" fillId="3" borderId="3" xfId="0" applyFont="1" applyFill="1" applyBorder="1" applyAlignment="1">
      <alignment horizontal="center" vertical="center"/>
    </xf>
    <xf numFmtId="0" fontId="0" fillId="0" borderId="0" xfId="0" applyAlignment="1">
      <alignment horizontal="center" vertical="center"/>
    </xf>
    <xf numFmtId="165" fontId="0" fillId="0" borderId="0" xfId="0" applyNumberFormat="1" applyAlignment="1">
      <alignment horizontal="center" vertical="center"/>
    </xf>
    <xf numFmtId="0" fontId="4" fillId="0" borderId="0" xfId="0" applyFont="1" applyAlignment="1">
      <alignment horizontal="center"/>
    </xf>
    <xf numFmtId="0" fontId="8" fillId="2" borderId="0" xfId="0" applyFont="1" applyFill="1" applyAlignment="1">
      <alignment horizontal="center" wrapText="1"/>
    </xf>
    <xf numFmtId="0" fontId="9" fillId="4" borderId="0" xfId="0" applyFont="1" applyFill="1" applyAlignment="1">
      <alignment horizontal="center"/>
    </xf>
    <xf numFmtId="0" fontId="10" fillId="4" borderId="0" xfId="0" applyFont="1" applyFill="1"/>
    <xf numFmtId="0" fontId="3" fillId="3" borderId="0" xfId="0" applyFont="1" applyFill="1"/>
  </cellXfs>
  <cellStyles count="2">
    <cellStyle name="Comma" xfId="1" builtinId="3"/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0</xdr:colOff>
      <xdr:row>3</xdr:row>
      <xdr:rowOff>0</xdr:rowOff>
    </xdr:from>
    <xdr:to>
      <xdr:col>13</xdr:col>
      <xdr:colOff>113371</xdr:colOff>
      <xdr:row>20</xdr:row>
      <xdr:rowOff>104357</xdr:rowOff>
    </xdr:to>
    <xdr:pic>
      <xdr:nvPicPr>
        <xdr:cNvPr id="3" name="Picture 2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219200" y="571500"/>
          <a:ext cx="7428571" cy="3342857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46"/>
  <sheetViews>
    <sheetView showGridLines="0" tabSelected="1" workbookViewId="0">
      <selection activeCell="G10" sqref="G10"/>
    </sheetView>
  </sheetViews>
  <sheetFormatPr defaultColWidth="9.1796875" defaultRowHeight="15.5" x14ac:dyDescent="0.35"/>
  <cols>
    <col min="1" max="1" width="30.26953125" style="1" customWidth="1"/>
    <col min="2" max="2" width="11.453125" style="2" customWidth="1"/>
    <col min="3" max="3" width="3.81640625" style="2" customWidth="1"/>
    <col min="4" max="4" width="38.7265625" style="1" customWidth="1"/>
    <col min="5" max="5" width="10" style="2" customWidth="1"/>
    <col min="6" max="16384" width="9.1796875" style="1"/>
  </cols>
  <sheetData>
    <row r="1" spans="1:5" s="12" customFormat="1" ht="23.25" customHeight="1" x14ac:dyDescent="0.7">
      <c r="A1" s="30" t="s">
        <v>0</v>
      </c>
      <c r="B1" s="30"/>
      <c r="C1" s="30"/>
      <c r="D1" s="30"/>
      <c r="E1" s="30"/>
    </row>
    <row r="2" spans="1:5" s="12" customFormat="1" ht="23.25" customHeight="1" x14ac:dyDescent="0.7">
      <c r="A2" s="30" t="s">
        <v>1</v>
      </c>
      <c r="B2" s="30"/>
      <c r="C2" s="30"/>
      <c r="D2" s="30"/>
      <c r="E2" s="30"/>
    </row>
    <row r="3" spans="1:5" x14ac:dyDescent="0.35">
      <c r="A3" s="3" t="s">
        <v>2</v>
      </c>
      <c r="B3" s="4">
        <v>2065</v>
      </c>
      <c r="C3" s="4"/>
      <c r="D3" s="31" t="s">
        <v>40</v>
      </c>
    </row>
    <row r="4" spans="1:5" x14ac:dyDescent="0.35">
      <c r="A4" s="3" t="s">
        <v>3</v>
      </c>
      <c r="B4" s="4">
        <v>600</v>
      </c>
      <c r="C4" s="4"/>
      <c r="D4" s="1" t="s">
        <v>41</v>
      </c>
      <c r="E4" s="2">
        <v>77</v>
      </c>
    </row>
    <row r="5" spans="1:5" x14ac:dyDescent="0.35">
      <c r="A5" s="3" t="s">
        <v>4</v>
      </c>
      <c r="B5" s="4">
        <f>B3+B4</f>
        <v>2665</v>
      </c>
      <c r="C5" s="4"/>
      <c r="D5" s="1" t="s">
        <v>42</v>
      </c>
    </row>
    <row r="6" spans="1:5" x14ac:dyDescent="0.35">
      <c r="A6" s="3" t="s">
        <v>5</v>
      </c>
      <c r="B6" s="4"/>
      <c r="C6" s="4"/>
      <c r="D6" s="1" t="s">
        <v>43</v>
      </c>
      <c r="E6" s="2">
        <v>20</v>
      </c>
    </row>
    <row r="7" spans="1:5" ht="16" thickBot="1" x14ac:dyDescent="0.4">
      <c r="A7" s="1" t="s">
        <v>6</v>
      </c>
      <c r="B7" s="2">
        <v>300</v>
      </c>
      <c r="D7" s="1" t="s">
        <v>44</v>
      </c>
      <c r="E7" s="2">
        <v>60</v>
      </c>
    </row>
    <row r="8" spans="1:5" ht="16" thickBot="1" x14ac:dyDescent="0.4">
      <c r="A8" s="3" t="s">
        <v>7</v>
      </c>
      <c r="B8" s="5">
        <f>B5-B7</f>
        <v>2365</v>
      </c>
      <c r="C8" s="8"/>
      <c r="D8" s="1" t="s">
        <v>45</v>
      </c>
      <c r="E8" s="2">
        <v>35</v>
      </c>
    </row>
    <row r="9" spans="1:5" ht="16" thickBot="1" x14ac:dyDescent="0.4">
      <c r="A9" s="6"/>
      <c r="B9" s="7"/>
      <c r="C9" s="9"/>
      <c r="D9" s="32" t="s">
        <v>46</v>
      </c>
      <c r="E9" s="5">
        <f>SUM(E4:E8)</f>
        <v>192</v>
      </c>
    </row>
    <row r="10" spans="1:5" ht="16" thickBot="1" x14ac:dyDescent="0.4">
      <c r="A10" s="31" t="s">
        <v>8</v>
      </c>
    </row>
    <row r="11" spans="1:5" ht="16" thickBot="1" x14ac:dyDescent="0.4">
      <c r="A11" s="1" t="s">
        <v>9</v>
      </c>
      <c r="B11" s="2">
        <v>440</v>
      </c>
      <c r="D11" s="31" t="s">
        <v>47</v>
      </c>
      <c r="E11" s="5">
        <v>94</v>
      </c>
    </row>
    <row r="12" spans="1:5" ht="16" thickBot="1" x14ac:dyDescent="0.4">
      <c r="A12" s="1" t="s">
        <v>10</v>
      </c>
      <c r="B12" s="2">
        <v>28</v>
      </c>
    </row>
    <row r="13" spans="1:5" ht="16" thickBot="1" x14ac:dyDescent="0.4">
      <c r="A13" s="1" t="s">
        <v>11</v>
      </c>
      <c r="B13" s="2">
        <v>68</v>
      </c>
      <c r="D13" s="31" t="s">
        <v>48</v>
      </c>
      <c r="E13" s="5">
        <v>116</v>
      </c>
    </row>
    <row r="14" spans="1:5" x14ac:dyDescent="0.35">
      <c r="A14" s="1" t="s">
        <v>12</v>
      </c>
      <c r="B14" s="2">
        <v>65</v>
      </c>
    </row>
    <row r="15" spans="1:5" x14ac:dyDescent="0.35">
      <c r="A15" s="1" t="s">
        <v>13</v>
      </c>
      <c r="B15" s="2">
        <v>16</v>
      </c>
      <c r="D15" s="31" t="s">
        <v>49</v>
      </c>
    </row>
    <row r="16" spans="1:5" x14ac:dyDescent="0.35">
      <c r="A16" s="1" t="s">
        <v>14</v>
      </c>
      <c r="B16" s="2">
        <v>10</v>
      </c>
      <c r="D16" s="1" t="s">
        <v>50</v>
      </c>
      <c r="E16" s="2">
        <v>20</v>
      </c>
    </row>
    <row r="17" spans="1:16" x14ac:dyDescent="0.35">
      <c r="A17" s="1" t="s">
        <v>15</v>
      </c>
      <c r="D17" s="1" t="s">
        <v>51</v>
      </c>
      <c r="E17" s="2">
        <v>10</v>
      </c>
    </row>
    <row r="18" spans="1:16" x14ac:dyDescent="0.35">
      <c r="A18" s="1" t="s">
        <v>16</v>
      </c>
      <c r="B18" s="2">
        <v>25</v>
      </c>
      <c r="D18" s="1" t="s">
        <v>52</v>
      </c>
      <c r="E18" s="2">
        <v>10</v>
      </c>
    </row>
    <row r="19" spans="1:16" ht="16" thickBot="1" x14ac:dyDescent="0.4">
      <c r="A19" s="1" t="s">
        <v>17</v>
      </c>
      <c r="B19" s="2">
        <v>68</v>
      </c>
      <c r="D19" s="1" t="s">
        <v>53</v>
      </c>
      <c r="P19" s="1">
        <v>77</v>
      </c>
    </row>
    <row r="20" spans="1:16" ht="16" thickBot="1" x14ac:dyDescent="0.4">
      <c r="A20" s="1" t="s">
        <v>18</v>
      </c>
      <c r="D20" s="32" t="s">
        <v>54</v>
      </c>
      <c r="E20" s="5">
        <f>SUM(E16:E19)</f>
        <v>40</v>
      </c>
    </row>
    <row r="21" spans="1:16" ht="16" thickBot="1" x14ac:dyDescent="0.4">
      <c r="A21" s="32" t="s">
        <v>19</v>
      </c>
      <c r="B21" s="5">
        <f>SUM(B11:B20)</f>
        <v>720</v>
      </c>
      <c r="C21" s="8"/>
      <c r="K21" s="2"/>
    </row>
    <row r="22" spans="1:16" ht="16" thickBot="1" x14ac:dyDescent="0.4">
      <c r="D22" s="31" t="s">
        <v>55</v>
      </c>
    </row>
    <row r="23" spans="1:16" ht="16" thickBot="1" x14ac:dyDescent="0.4">
      <c r="A23" s="31" t="s">
        <v>20</v>
      </c>
      <c r="B23" s="5">
        <v>338</v>
      </c>
      <c r="C23" s="8"/>
      <c r="D23" s="1" t="s">
        <v>56</v>
      </c>
      <c r="E23" s="2">
        <v>19</v>
      </c>
    </row>
    <row r="24" spans="1:16" x14ac:dyDescent="0.35">
      <c r="D24" s="1" t="s">
        <v>57</v>
      </c>
      <c r="E24" s="2">
        <v>41</v>
      </c>
    </row>
    <row r="25" spans="1:16" x14ac:dyDescent="0.35">
      <c r="A25" s="31" t="s">
        <v>21</v>
      </c>
      <c r="D25" s="1" t="s">
        <v>58</v>
      </c>
      <c r="E25" s="2">
        <v>15</v>
      </c>
    </row>
    <row r="26" spans="1:16" x14ac:dyDescent="0.35">
      <c r="A26" s="1" t="s">
        <v>22</v>
      </c>
      <c r="D26" s="1" t="s">
        <v>59</v>
      </c>
      <c r="E26" s="2">
        <v>66</v>
      </c>
    </row>
    <row r="27" spans="1:16" x14ac:dyDescent="0.35">
      <c r="A27" s="1" t="s">
        <v>23</v>
      </c>
      <c r="B27" s="2">
        <v>100</v>
      </c>
      <c r="D27" s="1" t="s">
        <v>60</v>
      </c>
      <c r="E27" s="2">
        <v>20</v>
      </c>
    </row>
    <row r="28" spans="1:16" x14ac:dyDescent="0.35">
      <c r="A28" s="1" t="s">
        <v>24</v>
      </c>
      <c r="D28" s="1" t="s">
        <v>61</v>
      </c>
      <c r="E28" s="2">
        <v>50</v>
      </c>
    </row>
    <row r="29" spans="1:16" x14ac:dyDescent="0.35">
      <c r="A29" s="1" t="s">
        <v>25</v>
      </c>
      <c r="B29" s="2">
        <v>60</v>
      </c>
      <c r="D29" s="1" t="s">
        <v>62</v>
      </c>
      <c r="E29" s="2">
        <v>50</v>
      </c>
    </row>
    <row r="30" spans="1:16" ht="16" thickBot="1" x14ac:dyDescent="0.4">
      <c r="A30" s="1" t="s">
        <v>26</v>
      </c>
      <c r="B30" s="2">
        <v>50</v>
      </c>
      <c r="D30" s="1" t="s">
        <v>63</v>
      </c>
    </row>
    <row r="31" spans="1:16" ht="16" thickBot="1" x14ac:dyDescent="0.4">
      <c r="A31" s="1" t="s">
        <v>27</v>
      </c>
      <c r="B31" s="2">
        <v>38</v>
      </c>
      <c r="D31" s="32" t="s">
        <v>64</v>
      </c>
      <c r="E31" s="5">
        <f>SUM(E23:E30)</f>
        <v>261</v>
      </c>
    </row>
    <row r="32" spans="1:16" x14ac:dyDescent="0.35">
      <c r="A32" s="1" t="s">
        <v>28</v>
      </c>
      <c r="B32" s="2">
        <v>100</v>
      </c>
    </row>
    <row r="33" spans="1:5" ht="16" thickBot="1" x14ac:dyDescent="0.4">
      <c r="A33" s="1" t="s">
        <v>18</v>
      </c>
      <c r="D33" s="31" t="s">
        <v>65</v>
      </c>
    </row>
    <row r="34" spans="1:5" ht="16" thickBot="1" x14ac:dyDescent="0.4">
      <c r="A34" s="32" t="s">
        <v>29</v>
      </c>
      <c r="B34" s="5">
        <f>SUM(B26:B33)</f>
        <v>348</v>
      </c>
      <c r="C34" s="8"/>
      <c r="D34" s="1" t="s">
        <v>66</v>
      </c>
      <c r="E34" s="2">
        <v>200</v>
      </c>
    </row>
    <row r="35" spans="1:5" x14ac:dyDescent="0.35">
      <c r="D35" s="1" t="s">
        <v>67</v>
      </c>
      <c r="E35" s="2">
        <v>16</v>
      </c>
    </row>
    <row r="36" spans="1:5" ht="16" thickBot="1" x14ac:dyDescent="0.4">
      <c r="A36" s="31" t="s">
        <v>30</v>
      </c>
      <c r="D36" s="1" t="s">
        <v>68</v>
      </c>
    </row>
    <row r="37" spans="1:5" ht="16" thickBot="1" x14ac:dyDescent="0.4">
      <c r="A37" s="1" t="s">
        <v>31</v>
      </c>
      <c r="D37" s="32" t="s">
        <v>69</v>
      </c>
      <c r="E37" s="5">
        <f>SUM(E34:E36)</f>
        <v>216</v>
      </c>
    </row>
    <row r="38" spans="1:5" ht="16" thickBot="1" x14ac:dyDescent="0.4">
      <c r="A38" s="1" t="s">
        <v>32</v>
      </c>
      <c r="B38" s="2">
        <v>30</v>
      </c>
    </row>
    <row r="39" spans="1:5" ht="16" thickBot="1" x14ac:dyDescent="0.4">
      <c r="A39" s="1" t="s">
        <v>33</v>
      </c>
      <c r="B39" s="2">
        <v>53</v>
      </c>
      <c r="D39" s="31" t="s">
        <v>70</v>
      </c>
      <c r="E39" s="5"/>
    </row>
    <row r="40" spans="1:5" ht="16" thickBot="1" x14ac:dyDescent="0.4">
      <c r="A40" s="32" t="s">
        <v>34</v>
      </c>
      <c r="B40" s="5">
        <f>SUM(B37:B39)</f>
        <v>83</v>
      </c>
      <c r="C40" s="8"/>
    </row>
    <row r="41" spans="1:5" ht="16" thickBot="1" x14ac:dyDescent="0.4">
      <c r="D41" s="31" t="s">
        <v>71</v>
      </c>
      <c r="E41" s="5">
        <f>E39+E37+E31+E20+E13+E11+E9+B46+B40+B34+B23+B21</f>
        <v>2542</v>
      </c>
    </row>
    <row r="42" spans="1:5" ht="16" thickBot="1" x14ac:dyDescent="0.4">
      <c r="A42" s="31" t="s">
        <v>35</v>
      </c>
      <c r="D42" s="6"/>
    </row>
    <row r="43" spans="1:5" x14ac:dyDescent="0.35">
      <c r="A43" s="1" t="s">
        <v>36</v>
      </c>
      <c r="B43" s="2">
        <v>134</v>
      </c>
      <c r="D43" s="31" t="s">
        <v>72</v>
      </c>
    </row>
    <row r="44" spans="1:5" x14ac:dyDescent="0.35">
      <c r="A44" s="1" t="s">
        <v>37</v>
      </c>
      <c r="D44" s="1" t="s">
        <v>73</v>
      </c>
      <c r="E44" s="2">
        <f>B8</f>
        <v>2365</v>
      </c>
    </row>
    <row r="45" spans="1:5" ht="16" thickBot="1" x14ac:dyDescent="0.4">
      <c r="A45" s="1" t="s">
        <v>38</v>
      </c>
      <c r="D45" s="1" t="s">
        <v>75</v>
      </c>
      <c r="E45" s="2">
        <f>E41</f>
        <v>2542</v>
      </c>
    </row>
    <row r="46" spans="1:5" ht="16" thickBot="1" x14ac:dyDescent="0.4">
      <c r="A46" s="32" t="s">
        <v>39</v>
      </c>
      <c r="B46" s="5">
        <f>SUM(B43:B45)</f>
        <v>134</v>
      </c>
      <c r="C46" s="8"/>
      <c r="D46" s="31" t="s">
        <v>74</v>
      </c>
      <c r="E46" s="5">
        <f>E44-E45</f>
        <v>-177</v>
      </c>
    </row>
  </sheetData>
  <mergeCells count="2">
    <mergeCell ref="A1:E1"/>
    <mergeCell ref="A2:E2"/>
  </mergeCells>
  <pageMargins left="0.7" right="0.25" top="0.3" bottom="0.28999999999999998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49"/>
  <sheetViews>
    <sheetView showGridLines="0" workbookViewId="0">
      <selection activeCell="K21" sqref="K21"/>
    </sheetView>
  </sheetViews>
  <sheetFormatPr defaultColWidth="9.1796875" defaultRowHeight="15.5" x14ac:dyDescent="0.35"/>
  <cols>
    <col min="1" max="1" width="30.26953125" style="1" customWidth="1"/>
    <col min="2" max="2" width="11.453125" style="2" customWidth="1"/>
    <col min="3" max="3" width="3.81640625" style="2" customWidth="1"/>
    <col min="4" max="4" width="47.26953125" style="1" customWidth="1"/>
    <col min="5" max="5" width="10" style="2" customWidth="1"/>
    <col min="6" max="16384" width="9.1796875" style="1"/>
  </cols>
  <sheetData>
    <row r="1" spans="1:5" s="12" customFormat="1" ht="31" x14ac:dyDescent="0.7">
      <c r="A1" s="28" t="s">
        <v>0</v>
      </c>
      <c r="B1" s="28"/>
      <c r="C1" s="28"/>
      <c r="D1" s="28"/>
      <c r="E1" s="28"/>
    </row>
    <row r="2" spans="1:5" s="12" customFormat="1" ht="31" x14ac:dyDescent="0.7">
      <c r="A2" s="28" t="s">
        <v>1</v>
      </c>
      <c r="B2" s="28"/>
      <c r="C2" s="28"/>
      <c r="D2" s="28"/>
      <c r="E2" s="28"/>
    </row>
    <row r="3" spans="1:5" s="12" customFormat="1" ht="31" x14ac:dyDescent="0.7">
      <c r="A3" s="11"/>
      <c r="B3" s="18" t="s">
        <v>81</v>
      </c>
      <c r="C3" s="11"/>
      <c r="D3" s="11"/>
      <c r="E3" s="11"/>
    </row>
    <row r="4" spans="1:5" s="12" customFormat="1" ht="31" x14ac:dyDescent="0.7">
      <c r="A4" s="11"/>
      <c r="B4" s="18"/>
      <c r="C4" s="11"/>
      <c r="D4" s="11"/>
      <c r="E4" s="11"/>
    </row>
    <row r="5" spans="1:5" x14ac:dyDescent="0.35">
      <c r="A5" s="3" t="s">
        <v>2</v>
      </c>
      <c r="B5" s="13">
        <v>0</v>
      </c>
      <c r="C5" s="4"/>
      <c r="D5" s="3" t="s">
        <v>40</v>
      </c>
    </row>
    <row r="6" spans="1:5" x14ac:dyDescent="0.35">
      <c r="A6" s="3" t="s">
        <v>77</v>
      </c>
      <c r="B6" s="13">
        <v>0</v>
      </c>
      <c r="C6" s="4"/>
      <c r="D6" s="3"/>
    </row>
    <row r="7" spans="1:5" x14ac:dyDescent="0.35">
      <c r="A7" s="3" t="s">
        <v>78</v>
      </c>
      <c r="B7" s="13">
        <v>0</v>
      </c>
      <c r="C7" s="4"/>
      <c r="D7" s="1" t="s">
        <v>41</v>
      </c>
      <c r="E7" s="15">
        <v>0</v>
      </c>
    </row>
    <row r="8" spans="1:5" x14ac:dyDescent="0.35">
      <c r="A8" s="3" t="s">
        <v>4</v>
      </c>
      <c r="B8" s="13">
        <f>B5+B6+B7</f>
        <v>0</v>
      </c>
      <c r="C8" s="4"/>
      <c r="D8" s="1" t="s">
        <v>42</v>
      </c>
      <c r="E8" s="15">
        <v>0</v>
      </c>
    </row>
    <row r="9" spans="1:5" x14ac:dyDescent="0.35">
      <c r="A9" s="3" t="s">
        <v>5</v>
      </c>
      <c r="B9" s="4"/>
      <c r="C9" s="4"/>
      <c r="D9" s="1" t="s">
        <v>43</v>
      </c>
      <c r="E9" s="15">
        <v>0</v>
      </c>
    </row>
    <row r="10" spans="1:5" ht="16" thickBot="1" x14ac:dyDescent="0.4">
      <c r="A10" s="1" t="s">
        <v>6</v>
      </c>
      <c r="B10" s="16">
        <v>0</v>
      </c>
      <c r="D10" s="1" t="s">
        <v>44</v>
      </c>
      <c r="E10" s="15">
        <v>0</v>
      </c>
    </row>
    <row r="11" spans="1:5" ht="21.5" thickBot="1" x14ac:dyDescent="0.55000000000000004">
      <c r="A11" s="17" t="s">
        <v>7</v>
      </c>
      <c r="B11" s="5">
        <f>B8-B10</f>
        <v>0</v>
      </c>
      <c r="C11" s="8"/>
      <c r="D11" s="1" t="s">
        <v>45</v>
      </c>
      <c r="E11" s="16">
        <v>0</v>
      </c>
    </row>
    <row r="12" spans="1:5" ht="16" thickBot="1" x14ac:dyDescent="0.4">
      <c r="A12" s="6"/>
      <c r="B12" s="7"/>
      <c r="C12" s="9"/>
      <c r="D12" s="3" t="s">
        <v>46</v>
      </c>
      <c r="E12" s="5">
        <f>SUM(E7:E11)</f>
        <v>0</v>
      </c>
    </row>
    <row r="13" spans="1:5" ht="16" thickBot="1" x14ac:dyDescent="0.4">
      <c r="A13" s="3" t="s">
        <v>8</v>
      </c>
    </row>
    <row r="14" spans="1:5" ht="16" thickBot="1" x14ac:dyDescent="0.4">
      <c r="A14" s="1" t="s">
        <v>9</v>
      </c>
      <c r="B14" s="15">
        <v>0</v>
      </c>
      <c r="D14" s="3" t="s">
        <v>47</v>
      </c>
      <c r="E14" s="5">
        <v>0</v>
      </c>
    </row>
    <row r="15" spans="1:5" ht="16" thickBot="1" x14ac:dyDescent="0.4">
      <c r="A15" s="1" t="s">
        <v>10</v>
      </c>
      <c r="B15" s="15">
        <v>0</v>
      </c>
    </row>
    <row r="16" spans="1:5" ht="16" thickBot="1" x14ac:dyDescent="0.4">
      <c r="A16" s="1" t="s">
        <v>11</v>
      </c>
      <c r="B16" s="15">
        <v>0</v>
      </c>
      <c r="D16" s="3" t="s">
        <v>48</v>
      </c>
      <c r="E16" s="5">
        <v>0</v>
      </c>
    </row>
    <row r="17" spans="1:16" x14ac:dyDescent="0.35">
      <c r="A17" s="1" t="s">
        <v>12</v>
      </c>
      <c r="B17" s="15">
        <v>0</v>
      </c>
    </row>
    <row r="18" spans="1:16" x14ac:dyDescent="0.35">
      <c r="A18" s="1" t="s">
        <v>13</v>
      </c>
      <c r="B18" s="15">
        <v>0</v>
      </c>
      <c r="D18" s="3" t="s">
        <v>49</v>
      </c>
    </row>
    <row r="19" spans="1:16" x14ac:dyDescent="0.35">
      <c r="A19" s="1" t="s">
        <v>14</v>
      </c>
      <c r="B19" s="15">
        <v>0</v>
      </c>
      <c r="D19" s="1" t="s">
        <v>50</v>
      </c>
      <c r="E19" s="15">
        <v>0</v>
      </c>
    </row>
    <row r="20" spans="1:16" x14ac:dyDescent="0.35">
      <c r="A20" s="1" t="s">
        <v>15</v>
      </c>
      <c r="B20" s="15">
        <v>0</v>
      </c>
      <c r="D20" s="1" t="s">
        <v>51</v>
      </c>
      <c r="E20" s="15">
        <v>0</v>
      </c>
    </row>
    <row r="21" spans="1:16" x14ac:dyDescent="0.35">
      <c r="A21" s="1" t="s">
        <v>16</v>
      </c>
      <c r="B21" s="15">
        <v>0</v>
      </c>
      <c r="D21" s="1" t="s">
        <v>52</v>
      </c>
      <c r="E21" s="15">
        <v>0</v>
      </c>
    </row>
    <row r="22" spans="1:16" ht="16" thickBot="1" x14ac:dyDescent="0.4">
      <c r="A22" s="1" t="s">
        <v>17</v>
      </c>
      <c r="B22" s="15">
        <v>0</v>
      </c>
      <c r="D22" s="1" t="s">
        <v>53</v>
      </c>
      <c r="E22" s="16">
        <v>0</v>
      </c>
      <c r="P22" s="1" t="s">
        <v>76</v>
      </c>
    </row>
    <row r="23" spans="1:16" ht="16" thickBot="1" x14ac:dyDescent="0.4">
      <c r="A23" s="1" t="s">
        <v>18</v>
      </c>
      <c r="B23" s="16">
        <v>0</v>
      </c>
      <c r="D23" s="3" t="s">
        <v>54</v>
      </c>
      <c r="E23" s="5">
        <f>SUM(E19:E22)</f>
        <v>0</v>
      </c>
    </row>
    <row r="24" spans="1:16" ht="16" thickBot="1" x14ac:dyDescent="0.4">
      <c r="A24" s="3" t="s">
        <v>19</v>
      </c>
      <c r="B24" s="5">
        <f>SUM(B14:B23)</f>
        <v>0</v>
      </c>
      <c r="C24" s="8"/>
      <c r="K24" s="2"/>
    </row>
    <row r="25" spans="1:16" ht="16" thickBot="1" x14ac:dyDescent="0.4">
      <c r="D25" s="3" t="s">
        <v>55</v>
      </c>
    </row>
    <row r="26" spans="1:16" ht="16" thickBot="1" x14ac:dyDescent="0.4">
      <c r="A26" s="3" t="s">
        <v>20</v>
      </c>
      <c r="B26" s="5">
        <v>0</v>
      </c>
      <c r="C26" s="8"/>
      <c r="D26" s="1" t="s">
        <v>56</v>
      </c>
      <c r="E26" s="15">
        <v>0</v>
      </c>
    </row>
    <row r="27" spans="1:16" x14ac:dyDescent="0.35">
      <c r="D27" s="1" t="s">
        <v>57</v>
      </c>
      <c r="E27" s="15">
        <v>0</v>
      </c>
    </row>
    <row r="28" spans="1:16" x14ac:dyDescent="0.35">
      <c r="A28" s="3" t="s">
        <v>21</v>
      </c>
      <c r="D28" s="1" t="s">
        <v>58</v>
      </c>
      <c r="E28" s="15">
        <v>0</v>
      </c>
    </row>
    <row r="29" spans="1:16" x14ac:dyDescent="0.35">
      <c r="A29" s="1" t="s">
        <v>22</v>
      </c>
      <c r="B29" s="15">
        <v>0</v>
      </c>
      <c r="D29" s="1" t="s">
        <v>59</v>
      </c>
      <c r="E29" s="15">
        <v>0</v>
      </c>
    </row>
    <row r="30" spans="1:16" x14ac:dyDescent="0.35">
      <c r="A30" s="1" t="s">
        <v>23</v>
      </c>
      <c r="B30" s="15">
        <v>0</v>
      </c>
      <c r="D30" s="1" t="s">
        <v>60</v>
      </c>
      <c r="E30" s="15">
        <v>0</v>
      </c>
    </row>
    <row r="31" spans="1:16" x14ac:dyDescent="0.35">
      <c r="A31" s="1" t="s">
        <v>24</v>
      </c>
      <c r="B31" s="15">
        <v>0</v>
      </c>
      <c r="D31" s="1" t="s">
        <v>61</v>
      </c>
      <c r="E31" s="15">
        <v>0</v>
      </c>
    </row>
    <row r="32" spans="1:16" x14ac:dyDescent="0.35">
      <c r="A32" s="1" t="s">
        <v>25</v>
      </c>
      <c r="B32" s="15">
        <v>0</v>
      </c>
      <c r="D32" s="1" t="s">
        <v>62</v>
      </c>
      <c r="E32" s="15">
        <v>0</v>
      </c>
    </row>
    <row r="33" spans="1:5" ht="16" thickBot="1" x14ac:dyDescent="0.4">
      <c r="A33" s="1" t="s">
        <v>26</v>
      </c>
      <c r="B33" s="15">
        <v>0</v>
      </c>
      <c r="D33" s="1" t="s">
        <v>63</v>
      </c>
      <c r="E33" s="16">
        <v>0</v>
      </c>
    </row>
    <row r="34" spans="1:5" ht="16" thickBot="1" x14ac:dyDescent="0.4">
      <c r="A34" s="1" t="s">
        <v>27</v>
      </c>
      <c r="B34" s="15">
        <v>0</v>
      </c>
      <c r="D34" s="3" t="s">
        <v>64</v>
      </c>
      <c r="E34" s="5">
        <f>SUM(E26:E33)</f>
        <v>0</v>
      </c>
    </row>
    <row r="35" spans="1:5" x14ac:dyDescent="0.35">
      <c r="A35" s="1" t="s">
        <v>28</v>
      </c>
      <c r="B35" s="15">
        <v>0</v>
      </c>
    </row>
    <row r="36" spans="1:5" ht="16" thickBot="1" x14ac:dyDescent="0.4">
      <c r="A36" s="1" t="s">
        <v>18</v>
      </c>
      <c r="B36" s="16">
        <v>0</v>
      </c>
      <c r="D36" s="3" t="s">
        <v>65</v>
      </c>
    </row>
    <row r="37" spans="1:5" ht="16" thickBot="1" x14ac:dyDescent="0.4">
      <c r="A37" s="3" t="s">
        <v>29</v>
      </c>
      <c r="B37" s="5">
        <f>SUM(B29:B36)</f>
        <v>0</v>
      </c>
      <c r="C37" s="8"/>
      <c r="D37" s="1" t="s">
        <v>66</v>
      </c>
      <c r="E37" s="15">
        <v>2</v>
      </c>
    </row>
    <row r="38" spans="1:5" x14ac:dyDescent="0.35">
      <c r="D38" s="1" t="s">
        <v>67</v>
      </c>
      <c r="E38" s="15">
        <v>0</v>
      </c>
    </row>
    <row r="39" spans="1:5" ht="16" thickBot="1" x14ac:dyDescent="0.4">
      <c r="A39" s="3" t="s">
        <v>30</v>
      </c>
      <c r="D39" s="1" t="s">
        <v>68</v>
      </c>
      <c r="E39" s="16">
        <v>0</v>
      </c>
    </row>
    <row r="40" spans="1:5" ht="16" thickBot="1" x14ac:dyDescent="0.4">
      <c r="A40" s="1" t="s">
        <v>31</v>
      </c>
      <c r="B40" s="15">
        <v>0</v>
      </c>
      <c r="D40" s="3" t="s">
        <v>69</v>
      </c>
      <c r="E40" s="5">
        <f>SUM(E37:E39)</f>
        <v>2</v>
      </c>
    </row>
    <row r="41" spans="1:5" ht="16" thickBot="1" x14ac:dyDescent="0.4">
      <c r="A41" s="1" t="s">
        <v>32</v>
      </c>
      <c r="B41" s="15">
        <v>0</v>
      </c>
    </row>
    <row r="42" spans="1:5" ht="16" thickBot="1" x14ac:dyDescent="0.4">
      <c r="A42" s="1" t="s">
        <v>33</v>
      </c>
      <c r="B42" s="16">
        <v>0</v>
      </c>
      <c r="D42" s="3" t="s">
        <v>70</v>
      </c>
      <c r="E42" s="5">
        <v>0</v>
      </c>
    </row>
    <row r="43" spans="1:5" ht="16" thickBot="1" x14ac:dyDescent="0.4">
      <c r="A43" s="3" t="s">
        <v>34</v>
      </c>
      <c r="B43" s="5">
        <f>SUM(B40:B42)</f>
        <v>0</v>
      </c>
      <c r="C43" s="8"/>
    </row>
    <row r="44" spans="1:5" ht="21" x14ac:dyDescent="0.5">
      <c r="D44" s="17" t="s">
        <v>80</v>
      </c>
      <c r="E44" s="15">
        <f>B24+B26+B37+B43+B49+E12+E14+E16+E23+E34+E40+E42</f>
        <v>2</v>
      </c>
    </row>
    <row r="45" spans="1:5" ht="16" thickBot="1" x14ac:dyDescent="0.4">
      <c r="A45" s="3" t="s">
        <v>35</v>
      </c>
      <c r="D45" s="6"/>
    </row>
    <row r="46" spans="1:5" x14ac:dyDescent="0.35">
      <c r="A46" s="1" t="s">
        <v>36</v>
      </c>
      <c r="B46" s="15">
        <v>0</v>
      </c>
      <c r="D46" s="10" t="s">
        <v>72</v>
      </c>
    </row>
    <row r="47" spans="1:5" x14ac:dyDescent="0.35">
      <c r="A47" s="1" t="s">
        <v>37</v>
      </c>
      <c r="B47" s="15">
        <v>0</v>
      </c>
      <c r="D47" s="1" t="s">
        <v>73</v>
      </c>
      <c r="E47" s="15">
        <f>B11</f>
        <v>0</v>
      </c>
    </row>
    <row r="48" spans="1:5" ht="16" thickBot="1" x14ac:dyDescent="0.4">
      <c r="A48" s="1" t="s">
        <v>38</v>
      </c>
      <c r="B48" s="16">
        <v>0</v>
      </c>
      <c r="D48" s="1" t="s">
        <v>75</v>
      </c>
      <c r="E48" s="15">
        <f>E44</f>
        <v>2</v>
      </c>
    </row>
    <row r="49" spans="1:5" ht="21.5" thickBot="1" x14ac:dyDescent="0.55000000000000004">
      <c r="A49" s="3" t="s">
        <v>39</v>
      </c>
      <c r="B49" s="5">
        <f>SUM(B46:B48)</f>
        <v>0</v>
      </c>
      <c r="C49" s="8"/>
      <c r="D49" s="17" t="s">
        <v>79</v>
      </c>
      <c r="E49" s="14">
        <f>E47-E48</f>
        <v>-2</v>
      </c>
    </row>
  </sheetData>
  <mergeCells count="2">
    <mergeCell ref="A1:E1"/>
    <mergeCell ref="A2:E2"/>
  </mergeCells>
  <pageMargins left="0.25" right="0.25" top="0.75" bottom="0.75" header="0.3" footer="0.3"/>
  <pageSetup paperSize="5" scale="95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showGridLines="0" workbookViewId="0">
      <selection activeCell="I23" sqref="I23"/>
    </sheetView>
  </sheetViews>
  <sheetFormatPr defaultRowHeight="14.5" x14ac:dyDescent="0.35"/>
  <sheetData/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19"/>
  <sheetViews>
    <sheetView showGridLines="0" workbookViewId="0">
      <selection activeCell="E24" sqref="E24"/>
    </sheetView>
  </sheetViews>
  <sheetFormatPr defaultRowHeight="14.5" x14ac:dyDescent="0.35"/>
  <cols>
    <col min="1" max="1" width="19" style="26" customWidth="1"/>
    <col min="2" max="2" width="17.54296875" style="26" customWidth="1"/>
    <col min="3" max="3" width="15.81640625" style="26" customWidth="1"/>
    <col min="4" max="4" width="16.26953125" style="26" customWidth="1"/>
    <col min="5" max="5" width="15" style="26" customWidth="1"/>
    <col min="6" max="6" width="8.7265625" style="26" customWidth="1"/>
    <col min="7" max="7" width="18.54296875" style="26" customWidth="1"/>
  </cols>
  <sheetData>
    <row r="1" spans="1:7" ht="23.5" x14ac:dyDescent="0.55000000000000004">
      <c r="A1" s="29"/>
      <c r="B1" s="29"/>
      <c r="C1" s="29"/>
      <c r="D1" s="29"/>
      <c r="E1" s="29"/>
      <c r="F1" s="29"/>
      <c r="G1" s="29"/>
    </row>
    <row r="2" spans="1:7" ht="18.5" x14ac:dyDescent="0.35">
      <c r="A2" s="19" t="s">
        <v>82</v>
      </c>
      <c r="B2" s="19" t="s">
        <v>83</v>
      </c>
      <c r="C2" s="19" t="s">
        <v>84</v>
      </c>
      <c r="D2" s="19" t="s">
        <v>85</v>
      </c>
      <c r="E2" s="19" t="s">
        <v>86</v>
      </c>
      <c r="F2" s="19" t="s">
        <v>87</v>
      </c>
      <c r="G2" s="19" t="s">
        <v>88</v>
      </c>
    </row>
    <row r="3" spans="1:7" ht="15.5" x14ac:dyDescent="0.35">
      <c r="A3" s="20">
        <v>0</v>
      </c>
      <c r="B3" s="20">
        <v>0</v>
      </c>
      <c r="C3" s="20">
        <v>0</v>
      </c>
      <c r="D3" s="20">
        <v>0</v>
      </c>
      <c r="E3" s="20">
        <v>0</v>
      </c>
      <c r="F3" s="21">
        <v>0</v>
      </c>
      <c r="G3" s="22"/>
    </row>
    <row r="4" spans="1:7" ht="15.5" x14ac:dyDescent="0.35">
      <c r="A4" s="20">
        <v>0</v>
      </c>
      <c r="B4" s="20">
        <v>0</v>
      </c>
      <c r="C4" s="20">
        <v>0</v>
      </c>
      <c r="D4" s="20">
        <v>0</v>
      </c>
      <c r="E4" s="20">
        <v>0</v>
      </c>
      <c r="F4" s="21">
        <v>0</v>
      </c>
      <c r="G4" s="22"/>
    </row>
    <row r="5" spans="1:7" ht="15.5" x14ac:dyDescent="0.35">
      <c r="A5" s="20">
        <v>0</v>
      </c>
      <c r="B5" s="20">
        <v>0</v>
      </c>
      <c r="C5" s="20">
        <v>0</v>
      </c>
      <c r="D5" s="20">
        <v>0</v>
      </c>
      <c r="E5" s="20">
        <v>0</v>
      </c>
      <c r="F5" s="21">
        <v>0</v>
      </c>
      <c r="G5" s="22"/>
    </row>
    <row r="6" spans="1:7" ht="15.5" x14ac:dyDescent="0.35">
      <c r="A6" s="20">
        <v>0</v>
      </c>
      <c r="B6" s="20">
        <v>0</v>
      </c>
      <c r="C6" s="20">
        <v>0</v>
      </c>
      <c r="D6" s="20">
        <v>0</v>
      </c>
      <c r="E6" s="20">
        <v>0</v>
      </c>
      <c r="F6" s="21">
        <v>0</v>
      </c>
      <c r="G6" s="22"/>
    </row>
    <row r="7" spans="1:7" ht="15.5" x14ac:dyDescent="0.35">
      <c r="A7" s="20">
        <v>0</v>
      </c>
      <c r="B7" s="20">
        <v>0</v>
      </c>
      <c r="C7" s="20">
        <v>0</v>
      </c>
      <c r="D7" s="20">
        <v>0</v>
      </c>
      <c r="E7" s="20">
        <v>0</v>
      </c>
      <c r="F7" s="21">
        <v>0</v>
      </c>
      <c r="G7" s="22"/>
    </row>
    <row r="8" spans="1:7" ht="15.5" x14ac:dyDescent="0.35">
      <c r="A8" s="20">
        <v>0</v>
      </c>
      <c r="B8" s="20">
        <v>0</v>
      </c>
      <c r="C8" s="20">
        <v>0</v>
      </c>
      <c r="D8" s="20">
        <v>0</v>
      </c>
      <c r="E8" s="20">
        <v>0</v>
      </c>
      <c r="F8" s="21">
        <v>0</v>
      </c>
      <c r="G8" s="22"/>
    </row>
    <row r="9" spans="1:7" ht="15.5" x14ac:dyDescent="0.35">
      <c r="A9" s="20">
        <v>0</v>
      </c>
      <c r="B9" s="20">
        <v>0</v>
      </c>
      <c r="C9" s="20">
        <v>0</v>
      </c>
      <c r="D9" s="20">
        <v>0</v>
      </c>
      <c r="E9" s="20">
        <v>0</v>
      </c>
      <c r="F9" s="21">
        <v>0</v>
      </c>
      <c r="G9" s="22"/>
    </row>
    <row r="10" spans="1:7" ht="15.5" x14ac:dyDescent="0.35">
      <c r="A10" s="20">
        <v>0</v>
      </c>
      <c r="B10" s="20">
        <v>0</v>
      </c>
      <c r="C10" s="20">
        <v>0</v>
      </c>
      <c r="D10" s="20">
        <v>0</v>
      </c>
      <c r="E10" s="20">
        <v>0</v>
      </c>
      <c r="F10" s="21">
        <v>0</v>
      </c>
      <c r="G10" s="22"/>
    </row>
    <row r="11" spans="1:7" ht="15.5" x14ac:dyDescent="0.35">
      <c r="A11" s="23">
        <f>SUM(A3:A10)</f>
        <v>0</v>
      </c>
      <c r="B11" s="23">
        <v>0</v>
      </c>
      <c r="C11" s="23">
        <f>SUM(C3:C10)</f>
        <v>0</v>
      </c>
      <c r="D11" s="23">
        <f>SUM(D3:D10)</f>
        <v>0</v>
      </c>
      <c r="E11" s="23">
        <f>SUM(E3:E10)</f>
        <v>0</v>
      </c>
      <c r="F11" s="24"/>
      <c r="G11" s="25"/>
    </row>
    <row r="19" spans="5:5" x14ac:dyDescent="0.35">
      <c r="E19" s="27"/>
    </row>
  </sheetData>
  <mergeCells count="1">
    <mergeCell ref="A1:G1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EJEMPLO P. PRESUPUESTO</vt:lpstr>
      <vt:lpstr>Plantilla 1</vt:lpstr>
      <vt:lpstr>EJEMPLO C. DEUDAS</vt:lpstr>
      <vt:lpstr>Planilla 2</vt:lpstr>
    </vt:vector>
  </TitlesOfParts>
  <Company>Lenovo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enovo User</dc:creator>
  <cp:lastModifiedBy>Murillo, Jeudy</cp:lastModifiedBy>
  <cp:lastPrinted>2014-10-14T19:59:56Z</cp:lastPrinted>
  <dcterms:created xsi:type="dcterms:W3CDTF">2013-04-03T02:25:47Z</dcterms:created>
  <dcterms:modified xsi:type="dcterms:W3CDTF">2020-07-28T16:23:13Z</dcterms:modified>
</cp:coreProperties>
</file>